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krimp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C3A0297E-2FB5-9192-9415-93B6CD2B5B9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5758" y="4560410"/>
            <a:ext cx="2516074" cy="210343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schermopname, logo&#10;&#10;Automatisch gegenereerde beschrijving">
            <a:extLst>
              <a:ext uri="{FF2B5EF4-FFF2-40B4-BE49-F238E27FC236}">
                <a16:creationId xmlns:a16="http://schemas.microsoft.com/office/drawing/2014/main" id="{0A6DAAF0-8FD4-88BD-5C26-4EACAE3ED1E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4553" y="3847786"/>
            <a:ext cx="1749055" cy="146221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12T07:39:42Z</dcterms:modified>
</cp:coreProperties>
</file>